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33\group\監査G\02_計画・準備\事前提出資料\02_実地指導\事前提出資料R5　再鑑\"/>
    </mc:Choice>
  </mc:AlternateContent>
  <bookViews>
    <workbookView xWindow="-10" yWindow="-10" windowWidth="14400" windowHeight="12490"/>
  </bookViews>
  <sheets>
    <sheet name="居宅訪問型児発" sheetId="4" r:id="rId1"/>
  </sheets>
  <definedNames>
    <definedName name="_xlnm.Print_Area" localSheetId="0">居宅訪問型児発!$A$1:$J$91</definedName>
  </definedNames>
  <calcPr calcId="125725"/>
</workbook>
</file>

<file path=xl/sharedStrings.xml><?xml version="1.0" encoding="utf-8"?>
<sst xmlns="http://schemas.openxmlformats.org/spreadsheetml/2006/main" count="98" uniqueCount="75">
  <si>
    <t>指定障害児通所支援事業　実地指導提出資料</t>
    <rPh sb="0" eb="2">
      <t>シテイ</t>
    </rPh>
    <rPh sb="2" eb="4">
      <t>ショウガイ</t>
    </rPh>
    <rPh sb="4" eb="5">
      <t>ジ</t>
    </rPh>
    <rPh sb="5" eb="7">
      <t>ツウショ</t>
    </rPh>
    <rPh sb="7" eb="9">
      <t>シエン</t>
    </rPh>
    <rPh sb="9" eb="11">
      <t>ジギョウ</t>
    </rPh>
    <rPh sb="12" eb="14">
      <t>ジッチ</t>
    </rPh>
    <rPh sb="14" eb="16">
      <t>シドウ</t>
    </rPh>
    <rPh sb="16" eb="18">
      <t>テイシュツ</t>
    </rPh>
    <rPh sb="18" eb="20">
      <t>シリョウ</t>
    </rPh>
    <phoneticPr fontId="3"/>
  </si>
  <si>
    <t>１　経営主体の名称</t>
    <rPh sb="2" eb="4">
      <t>ケイエイ</t>
    </rPh>
    <rPh sb="4" eb="6">
      <t>シュタイ</t>
    </rPh>
    <rPh sb="7" eb="9">
      <t>メイショウ</t>
    </rPh>
    <phoneticPr fontId="3"/>
  </si>
  <si>
    <t>２　経営主体の住所</t>
    <rPh sb="2" eb="4">
      <t>ケイエイ</t>
    </rPh>
    <rPh sb="4" eb="6">
      <t>シュタイ</t>
    </rPh>
    <rPh sb="7" eb="9">
      <t>ジュウショ</t>
    </rPh>
    <phoneticPr fontId="3"/>
  </si>
  <si>
    <t>〒</t>
    <phoneticPr fontId="3"/>
  </si>
  <si>
    <t>　　絡先</t>
    <phoneticPr fontId="3"/>
  </si>
  <si>
    <t>ＴＥＬ</t>
    <phoneticPr fontId="3"/>
  </si>
  <si>
    <t>ＦＡＸ</t>
    <phoneticPr fontId="3"/>
  </si>
  <si>
    <t>人</t>
    <rPh sb="0" eb="1">
      <t>ヒト</t>
    </rPh>
    <phoneticPr fontId="3"/>
  </si>
  <si>
    <t>内訳</t>
    <rPh sb="0" eb="2">
      <t>ウチワケ</t>
    </rPh>
    <phoneticPr fontId="3"/>
  </si>
  <si>
    <t>人（常勤</t>
    <rPh sb="0" eb="1">
      <t>ヒト</t>
    </rPh>
    <rPh sb="2" eb="4">
      <t>ジョウキン</t>
    </rPh>
    <phoneticPr fontId="3"/>
  </si>
  <si>
    <t xml:space="preserve">      人</t>
    <rPh sb="6" eb="7">
      <t>ヒト</t>
    </rPh>
    <phoneticPr fontId="3"/>
  </si>
  <si>
    <t>非常勤</t>
    <rPh sb="0" eb="3">
      <t>ヒジョウキン</t>
    </rPh>
    <phoneticPr fontId="3"/>
  </si>
  <si>
    <t>）</t>
    <phoneticPr fontId="3"/>
  </si>
  <si>
    <t>名称</t>
    <rPh sb="0" eb="2">
      <t>メイショウ</t>
    </rPh>
    <phoneticPr fontId="3"/>
  </si>
  <si>
    <t>診療科名</t>
    <rPh sb="0" eb="2">
      <t>シンリョウ</t>
    </rPh>
    <rPh sb="2" eb="3">
      <t>カ</t>
    </rPh>
    <rPh sb="3" eb="4">
      <t>ナ</t>
    </rPh>
    <phoneticPr fontId="3"/>
  </si>
  <si>
    <t>なし</t>
    <phoneticPr fontId="3"/>
  </si>
  <si>
    <t>あり</t>
    <phoneticPr fontId="3"/>
  </si>
  <si>
    <t>　　減算</t>
    <phoneticPr fontId="3"/>
  </si>
  <si>
    <t>なし</t>
  </si>
  <si>
    <t>あり</t>
  </si>
  <si>
    <t>３　事業所の名称</t>
    <rPh sb="2" eb="5">
      <t>ジギョウショ</t>
    </rPh>
    <rPh sb="6" eb="8">
      <t>メイショウ</t>
    </rPh>
    <phoneticPr fontId="3"/>
  </si>
  <si>
    <t>４　事業所の住所、連</t>
    <rPh sb="2" eb="5">
      <t>ジギョウショ</t>
    </rPh>
    <rPh sb="6" eb="8">
      <t>ジュウショ</t>
    </rPh>
    <rPh sb="9" eb="10">
      <t>レン</t>
    </rPh>
    <phoneticPr fontId="3"/>
  </si>
  <si>
    <t>　　責任者の氏名</t>
    <rPh sb="2" eb="5">
      <t>セキニンシャ</t>
    </rPh>
    <rPh sb="6" eb="8">
      <t>シメイ</t>
    </rPh>
    <phoneticPr fontId="3"/>
  </si>
  <si>
    <t>（該当する項目に○を付けてください。）</t>
    <rPh sb="1" eb="3">
      <t>ガイトウ</t>
    </rPh>
    <rPh sb="5" eb="7">
      <t>コウモク</t>
    </rPh>
    <rPh sb="10" eb="11">
      <t>ツ</t>
    </rPh>
    <phoneticPr fontId="3"/>
  </si>
  <si>
    <t>　※提出いただく書類について、ホチキス等で綴じる必要はありません。</t>
    <rPh sb="2" eb="4">
      <t>テイシュツ</t>
    </rPh>
    <rPh sb="8" eb="10">
      <t>ショルイ</t>
    </rPh>
    <rPh sb="19" eb="20">
      <t>トウ</t>
    </rPh>
    <rPh sb="21" eb="22">
      <t>ト</t>
    </rPh>
    <rPh sb="24" eb="26">
      <t>ヒツヨウ</t>
    </rPh>
    <phoneticPr fontId="3"/>
  </si>
  <si>
    <t>（       年   月   日記載）</t>
    <rPh sb="8" eb="9">
      <t>ネン</t>
    </rPh>
    <rPh sb="12" eb="13">
      <t>ガツ</t>
    </rPh>
    <rPh sb="16" eb="17">
      <t>ニチ</t>
    </rPh>
    <rPh sb="17" eb="19">
      <t>キサイ</t>
    </rPh>
    <phoneticPr fontId="3"/>
  </si>
  <si>
    <t>　(2) 通所支援計画が作成されていない場合による</t>
    <rPh sb="5" eb="7">
      <t>ツウショ</t>
    </rPh>
    <rPh sb="7" eb="9">
      <t>シエン</t>
    </rPh>
    <rPh sb="9" eb="11">
      <t>ケイカク</t>
    </rPh>
    <rPh sb="12" eb="14">
      <t>サクセイ</t>
    </rPh>
    <rPh sb="20" eb="22">
      <t>バアイ</t>
    </rPh>
    <phoneticPr fontId="3"/>
  </si>
  <si>
    <t>【居宅訪問型児童発達支援】</t>
    <rPh sb="1" eb="3">
      <t>キョタク</t>
    </rPh>
    <rPh sb="3" eb="5">
      <t>ホウモン</t>
    </rPh>
    <rPh sb="5" eb="6">
      <t>ガタ</t>
    </rPh>
    <rPh sb="6" eb="8">
      <t>ジドウ</t>
    </rPh>
    <rPh sb="8" eb="10">
      <t>ハッタツ</t>
    </rPh>
    <rPh sb="10" eb="12">
      <t>シエン</t>
    </rPh>
    <phoneticPr fontId="3"/>
  </si>
  <si>
    <t>訪問支援員</t>
    <rPh sb="0" eb="2">
      <t>ホウモン</t>
    </rPh>
    <rPh sb="2" eb="4">
      <t>シエン</t>
    </rPh>
    <rPh sb="4" eb="5">
      <t>イン</t>
    </rPh>
    <phoneticPr fontId="3"/>
  </si>
  <si>
    <t>　(1) 児童発達支援管理責任者の員数が基準を</t>
    <rPh sb="5" eb="16">
      <t>ジドウハッタツシエンカンリセキニンシャ</t>
    </rPh>
    <rPh sb="17" eb="19">
      <t>インスウ</t>
    </rPh>
    <rPh sb="20" eb="22">
      <t>キジュン</t>
    </rPh>
    <phoneticPr fontId="3"/>
  </si>
  <si>
    <t>　　満たさない場合による減算</t>
    <rPh sb="2" eb="3">
      <t>ミ</t>
    </rPh>
    <rPh sb="7" eb="9">
      <t>バアイ</t>
    </rPh>
    <rPh sb="12" eb="13">
      <t>ゲン</t>
    </rPh>
    <rPh sb="13" eb="14">
      <t>サン</t>
    </rPh>
    <phoneticPr fontId="3"/>
  </si>
  <si>
    <t>　(1) 訪問支援員特別加算</t>
    <rPh sb="5" eb="7">
      <t>ホウモン</t>
    </rPh>
    <rPh sb="7" eb="9">
      <t>シエン</t>
    </rPh>
    <rPh sb="9" eb="10">
      <t>イン</t>
    </rPh>
    <rPh sb="10" eb="12">
      <t>トクベツ</t>
    </rPh>
    <rPh sb="12" eb="14">
      <t>カサン</t>
    </rPh>
    <phoneticPr fontId="3"/>
  </si>
  <si>
    <t>　(2) 特別地域加算</t>
    <rPh sb="5" eb="7">
      <t>トクベツ</t>
    </rPh>
    <rPh sb="7" eb="9">
      <t>チイキ</t>
    </rPh>
    <rPh sb="9" eb="11">
      <t>カサン</t>
    </rPh>
    <phoneticPr fontId="3"/>
  </si>
  <si>
    <t>　(3) 通所施設移行支援加算</t>
    <rPh sb="5" eb="7">
      <t>ツウショ</t>
    </rPh>
    <rPh sb="7" eb="9">
      <t>シセツ</t>
    </rPh>
    <rPh sb="9" eb="11">
      <t>イコウ</t>
    </rPh>
    <rPh sb="11" eb="13">
      <t>シエン</t>
    </rPh>
    <rPh sb="13" eb="15">
      <t>カサン</t>
    </rPh>
    <phoneticPr fontId="3"/>
  </si>
  <si>
    <t>　(4) 利用者負担上限額管理加算</t>
    <phoneticPr fontId="3"/>
  </si>
  <si>
    <t>　(5) 福祉・介護職員処遇改善加算</t>
    <rPh sb="5" eb="7">
      <t>フクシ</t>
    </rPh>
    <rPh sb="8" eb="10">
      <t>カイゴ</t>
    </rPh>
    <rPh sb="10" eb="12">
      <t>ショクイン</t>
    </rPh>
    <rPh sb="12" eb="14">
      <t>ショグウ</t>
    </rPh>
    <rPh sb="14" eb="16">
      <t>カイゼン</t>
    </rPh>
    <rPh sb="16" eb="18">
      <t>カサン</t>
    </rPh>
    <phoneticPr fontId="3"/>
  </si>
  <si>
    <t>★　次の資料を添付し、提出してください。</t>
    <rPh sb="11" eb="13">
      <t>テイシュツ</t>
    </rPh>
    <phoneticPr fontId="2"/>
  </si>
  <si>
    <t>○</t>
    <phoneticPr fontId="3"/>
  </si>
  <si>
    <t>○</t>
    <phoneticPr fontId="3"/>
  </si>
  <si>
    <t>今年度指定障害福祉サービス事業者等自己点検シート</t>
    <rPh sb="0" eb="3">
      <t>コンネンド</t>
    </rPh>
    <phoneticPr fontId="3"/>
  </si>
  <si>
    <t>○</t>
    <phoneticPr fontId="3"/>
  </si>
  <si>
    <t>契約書（様式）</t>
  </si>
  <si>
    <t>重要事項説明書（様式）</t>
  </si>
  <si>
    <t>運営規程</t>
  </si>
  <si>
    <t>児童発達支援計画（氏名等個人を特定するものは消してください。）</t>
    <rPh sb="0" eb="2">
      <t>ジドウ</t>
    </rPh>
    <rPh sb="2" eb="4">
      <t>ハッタツ</t>
    </rPh>
    <rPh sb="4" eb="6">
      <t>シエン</t>
    </rPh>
    <phoneticPr fontId="3"/>
  </si>
  <si>
    <t>○</t>
    <phoneticPr fontId="3"/>
  </si>
  <si>
    <t>アセスメント票（様式）</t>
    <phoneticPr fontId="3"/>
  </si>
  <si>
    <t>職員の一覧表</t>
  </si>
  <si>
    <t>勤務実績表（この提出資料が送付された日の前月の状況）</t>
    <rPh sb="0" eb="2">
      <t>キンム</t>
    </rPh>
    <rPh sb="2" eb="4">
      <t>ジッセキ</t>
    </rPh>
    <rPh sb="4" eb="5">
      <t>ヒョウ</t>
    </rPh>
    <rPh sb="8" eb="10">
      <t>テイシュツ</t>
    </rPh>
    <rPh sb="10" eb="12">
      <t>シリョウ</t>
    </rPh>
    <rPh sb="13" eb="15">
      <t>ソウフ</t>
    </rPh>
    <rPh sb="18" eb="19">
      <t>ヒ</t>
    </rPh>
    <rPh sb="20" eb="22">
      <t>ゼンゲツ</t>
    </rPh>
    <rPh sb="23" eb="25">
      <t>ジョウキョウ</t>
    </rPh>
    <phoneticPr fontId="3"/>
  </si>
  <si>
    <t>○</t>
    <phoneticPr fontId="3"/>
  </si>
  <si>
    <t>建物の構造概要及び平面図並びに設備の概要</t>
    <rPh sb="0" eb="2">
      <t>タテモノ</t>
    </rPh>
    <rPh sb="3" eb="5">
      <t>コウゾウ</t>
    </rPh>
    <rPh sb="5" eb="7">
      <t>ガイヨウ</t>
    </rPh>
    <rPh sb="7" eb="8">
      <t>オヨ</t>
    </rPh>
    <rPh sb="9" eb="12">
      <t>ヘイメンズ</t>
    </rPh>
    <rPh sb="12" eb="13">
      <t>ナラ</t>
    </rPh>
    <rPh sb="15" eb="17">
      <t>セツビ</t>
    </rPh>
    <rPh sb="18" eb="20">
      <t>ガイヨウ</t>
    </rPh>
    <phoneticPr fontId="3"/>
  </si>
  <si>
    <t>パンフレット等</t>
    <rPh sb="6" eb="7">
      <t>トウ</t>
    </rPh>
    <phoneticPr fontId="3"/>
  </si>
  <si>
    <t xml:space="preserve">  【居宅訪問型児童発達支援】（運営編）</t>
    <rPh sb="3" eb="8">
      <t>キョタクホウモンガタ</t>
    </rPh>
    <rPh sb="8" eb="14">
      <t>ジドウハッタツシエン</t>
    </rPh>
    <rPh sb="16" eb="18">
      <t>ウンエイ</t>
    </rPh>
    <rPh sb="18" eb="19">
      <t>ヘン</t>
    </rPh>
    <phoneticPr fontId="2"/>
  </si>
  <si>
    <t xml:space="preserve">  【居宅訪問型児童発達支援】（報酬編）</t>
    <rPh sb="3" eb="8">
      <t>キョタクホウモンガタ</t>
    </rPh>
    <rPh sb="8" eb="14">
      <t>ジドウハッタツシエン</t>
    </rPh>
    <rPh sb="16" eb="18">
      <t>ホウシュウ</t>
    </rPh>
    <rPh sb="18" eb="19">
      <t>ヘン</t>
    </rPh>
    <phoneticPr fontId="2"/>
  </si>
  <si>
    <t>電子メールアドレス</t>
    <rPh sb="0" eb="2">
      <t>デンシ</t>
    </rPh>
    <phoneticPr fontId="3"/>
  </si>
  <si>
    <t>５　指定事業所番号</t>
    <rPh sb="2" eb="4">
      <t>シテイ</t>
    </rPh>
    <rPh sb="4" eb="7">
      <t>ジギョウショ</t>
    </rPh>
    <rPh sb="7" eb="9">
      <t>バンゴウ</t>
    </rPh>
    <phoneticPr fontId="3"/>
  </si>
  <si>
    <t>６　管理者の氏名</t>
    <rPh sb="2" eb="4">
      <t>カンリ</t>
    </rPh>
    <rPh sb="4" eb="5">
      <t>シャ</t>
    </rPh>
    <rPh sb="6" eb="8">
      <t>シメイ</t>
    </rPh>
    <phoneticPr fontId="3"/>
  </si>
  <si>
    <t>７　児童発達支援管理</t>
    <rPh sb="2" eb="4">
      <t>ジドウ</t>
    </rPh>
    <rPh sb="4" eb="6">
      <t>ハッタツ</t>
    </rPh>
    <rPh sb="6" eb="8">
      <t>シエン</t>
    </rPh>
    <rPh sb="8" eb="10">
      <t>カンリ</t>
    </rPh>
    <phoneticPr fontId="3"/>
  </si>
  <si>
    <t>８　従業者の員数</t>
    <rPh sb="2" eb="5">
      <t>ジュウギョウシャ</t>
    </rPh>
    <rPh sb="6" eb="8">
      <t>インスウ</t>
    </rPh>
    <phoneticPr fontId="3"/>
  </si>
  <si>
    <t>９　協力医療機関</t>
    <rPh sb="2" eb="4">
      <t>キョウリョク</t>
    </rPh>
    <rPh sb="4" eb="6">
      <t>イリョウ</t>
    </rPh>
    <rPh sb="6" eb="8">
      <t>キカン</t>
    </rPh>
    <phoneticPr fontId="3"/>
  </si>
  <si>
    <t>10　各加算についての有無を記載してください。</t>
    <phoneticPr fontId="3"/>
  </si>
  <si>
    <t>11　各減算についての有無を記載してください。</t>
    <rPh sb="4" eb="5">
      <t>ゲン</t>
    </rPh>
    <phoneticPr fontId="3"/>
  </si>
  <si>
    <t>公表済</t>
    <rPh sb="0" eb="2">
      <t>コウヒョウ</t>
    </rPh>
    <rPh sb="2" eb="3">
      <t>ズ</t>
    </rPh>
    <phoneticPr fontId="3"/>
  </si>
  <si>
    <t>未公表</t>
    <rPh sb="0" eb="1">
      <t>ミ</t>
    </rPh>
    <rPh sb="1" eb="3">
      <t>コウヒョウ</t>
    </rPh>
    <phoneticPr fontId="3"/>
  </si>
  <si>
    <t>　について記載してください。</t>
    <rPh sb="5" eb="7">
      <t>キサイ</t>
    </rPh>
    <phoneticPr fontId="3"/>
  </si>
  <si>
    <t>あり</t>
    <phoneticPr fontId="3"/>
  </si>
  <si>
    <t>なし</t>
    <phoneticPr fontId="3"/>
  </si>
  <si>
    <t>　してください。</t>
    <phoneticPr fontId="3"/>
  </si>
  <si>
    <t>12　障害福祉サービス等情報公表制度の公表状況</t>
    <rPh sb="3" eb="5">
      <t>ショウガイ</t>
    </rPh>
    <rPh sb="5" eb="7">
      <t>フクシ</t>
    </rPh>
    <rPh sb="11" eb="12">
      <t>ナド</t>
    </rPh>
    <rPh sb="12" eb="14">
      <t>ジョウホウ</t>
    </rPh>
    <rPh sb="14" eb="16">
      <t>コウヒョウ</t>
    </rPh>
    <rPh sb="16" eb="18">
      <t>セイド</t>
    </rPh>
    <rPh sb="19" eb="21">
      <t>コウヒョウ</t>
    </rPh>
    <rPh sb="21" eb="23">
      <t>ジョウキョウ</t>
    </rPh>
    <phoneticPr fontId="3"/>
  </si>
  <si>
    <t>13　業務管理体制の整備に関する届出の有無を記載</t>
    <rPh sb="3" eb="5">
      <t>ギョウム</t>
    </rPh>
    <rPh sb="5" eb="7">
      <t>カンリ</t>
    </rPh>
    <rPh sb="7" eb="9">
      <t>タイセイ</t>
    </rPh>
    <rPh sb="10" eb="12">
      <t>セイビ</t>
    </rPh>
    <rPh sb="13" eb="14">
      <t>カン</t>
    </rPh>
    <rPh sb="16" eb="18">
      <t>トドケデ</t>
    </rPh>
    <rPh sb="19" eb="21">
      <t>ウム</t>
    </rPh>
    <rPh sb="22" eb="24">
      <t>キサイ</t>
    </rPh>
    <phoneticPr fontId="3"/>
  </si>
  <si>
    <t>　(3) 身体拘束廃止未実施減算</t>
    <phoneticPr fontId="3"/>
  </si>
  <si>
    <t>　(7) 福祉・介護職員等ベースアップ等支援加算</t>
    <rPh sb="5" eb="7">
      <t>フクシ</t>
    </rPh>
    <rPh sb="8" eb="10">
      <t>カイゴ</t>
    </rPh>
    <rPh sb="10" eb="12">
      <t>ショクイン</t>
    </rPh>
    <rPh sb="12" eb="13">
      <t>トウ</t>
    </rPh>
    <rPh sb="19" eb="22">
      <t>トウシエン</t>
    </rPh>
    <rPh sb="22" eb="24">
      <t>カサン</t>
    </rPh>
    <phoneticPr fontId="3"/>
  </si>
  <si>
    <t>あり(Ⅰ・Ⅱ・Ⅲ)</t>
    <phoneticPr fontId="3"/>
  </si>
  <si>
    <t>　(6) 福祉・介護職員等特定処遇改善加算</t>
    <rPh sb="5" eb="7">
      <t>フクシ</t>
    </rPh>
    <rPh sb="8" eb="10">
      <t>カイゴ</t>
    </rPh>
    <rPh sb="10" eb="12">
      <t>ショクイン</t>
    </rPh>
    <rPh sb="12" eb="13">
      <t>トウ</t>
    </rPh>
    <rPh sb="13" eb="15">
      <t>トクテイ</t>
    </rPh>
    <rPh sb="15" eb="17">
      <t>ショグウ</t>
    </rPh>
    <rPh sb="17" eb="19">
      <t>カイゼン</t>
    </rPh>
    <rPh sb="19" eb="21">
      <t>カサン</t>
    </rPh>
    <phoneticPr fontId="3"/>
  </si>
  <si>
    <t>あり(Ⅰ・Ⅱ)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b/>
      <sz val="16"/>
      <color theme="1"/>
      <name val="ＭＳ ゴシック"/>
      <family val="3"/>
      <charset val="128"/>
    </font>
    <font>
      <sz val="11"/>
      <color theme="1"/>
      <name val="ＭＳ Ｐゴシック"/>
      <family val="3"/>
      <charset val="128"/>
    </font>
    <font>
      <sz val="16"/>
      <color theme="1"/>
      <name val="ＭＳ ゴシック"/>
      <family val="3"/>
      <charset val="128"/>
    </font>
    <font>
      <b/>
      <sz val="12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u/>
      <sz val="12"/>
      <color theme="1"/>
      <name val="ＭＳ 明朝"/>
      <family val="1"/>
      <charset val="128"/>
    </font>
    <font>
      <sz val="12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31">
    <xf numFmtId="0" fontId="0" fillId="0" borderId="0" xfId="0">
      <alignment vertical="center"/>
    </xf>
    <xf numFmtId="0" fontId="5" fillId="0" borderId="0" xfId="1" applyFont="1" applyFill="1" applyAlignment="1">
      <alignment horizontal="center" vertical="center"/>
    </xf>
    <xf numFmtId="0" fontId="6" fillId="0" borderId="0" xfId="1" applyFont="1" applyFill="1"/>
    <xf numFmtId="0" fontId="5" fillId="0" borderId="0" xfId="1" applyFont="1" applyFill="1" applyAlignment="1">
      <alignment vertical="center"/>
    </xf>
    <xf numFmtId="0" fontId="7" fillId="0" borderId="0" xfId="1" applyFont="1" applyFill="1" applyAlignment="1">
      <alignment vertical="center"/>
    </xf>
    <xf numFmtId="0" fontId="7" fillId="0" borderId="0" xfId="1" applyFont="1" applyFill="1" applyAlignment="1">
      <alignment horizontal="right" vertical="center"/>
    </xf>
    <xf numFmtId="0" fontId="8" fillId="0" borderId="0" xfId="1" applyFont="1" applyFill="1" applyAlignment="1">
      <alignment vertical="center"/>
    </xf>
    <xf numFmtId="0" fontId="9" fillId="0" borderId="0" xfId="1" applyFont="1" applyFill="1" applyAlignment="1">
      <alignment vertical="center"/>
    </xf>
    <xf numFmtId="0" fontId="9" fillId="0" borderId="0" xfId="1" applyFont="1" applyFill="1" applyAlignment="1">
      <alignment horizontal="right" vertical="center"/>
    </xf>
    <xf numFmtId="0" fontId="9" fillId="0" borderId="1" xfId="1" applyFont="1" applyFill="1" applyBorder="1" applyAlignment="1">
      <alignment vertical="center"/>
    </xf>
    <xf numFmtId="0" fontId="9" fillId="0" borderId="0" xfId="1" applyFont="1" applyFill="1" applyBorder="1" applyAlignment="1">
      <alignment vertical="center"/>
    </xf>
    <xf numFmtId="0" fontId="9" fillId="0" borderId="0" xfId="0" applyFont="1" applyFill="1" applyAlignment="1">
      <alignment vertical="center"/>
    </xf>
    <xf numFmtId="0" fontId="9" fillId="0" borderId="1" xfId="0" applyFont="1" applyFill="1" applyBorder="1" applyAlignment="1">
      <alignment vertical="center"/>
    </xf>
    <xf numFmtId="0" fontId="10" fillId="0" borderId="0" xfId="0" applyFont="1" applyFill="1" applyAlignment="1">
      <alignment vertical="center"/>
    </xf>
    <xf numFmtId="0" fontId="9" fillId="0" borderId="0" xfId="0" applyFont="1" applyFill="1" applyBorder="1" applyAlignment="1">
      <alignment vertical="center"/>
    </xf>
    <xf numFmtId="0" fontId="10" fillId="0" borderId="0" xfId="0" applyFont="1" applyFill="1" applyBorder="1" applyAlignment="1">
      <alignment vertical="center"/>
    </xf>
    <xf numFmtId="0" fontId="11" fillId="0" borderId="0" xfId="1" applyFont="1" applyFill="1" applyAlignment="1">
      <alignment vertical="center"/>
    </xf>
    <xf numFmtId="0" fontId="9" fillId="0" borderId="0" xfId="1" applyFont="1" applyFill="1" applyBorder="1" applyAlignment="1">
      <alignment vertical="center" shrinkToFit="1"/>
    </xf>
    <xf numFmtId="0" fontId="9" fillId="0" borderId="0" xfId="1" applyFont="1" applyFill="1" applyBorder="1" applyAlignment="1">
      <alignment horizontal="right" vertical="center" shrinkToFit="1"/>
    </xf>
    <xf numFmtId="0" fontId="9" fillId="0" borderId="0" xfId="1" applyFont="1" applyFill="1" applyBorder="1" applyAlignment="1">
      <alignment horizontal="right" vertical="center"/>
    </xf>
    <xf numFmtId="0" fontId="11" fillId="0" borderId="1" xfId="1" applyFont="1" applyFill="1" applyBorder="1" applyAlignment="1">
      <alignment vertical="center"/>
    </xf>
    <xf numFmtId="0" fontId="11" fillId="0" borderId="0" xfId="1" applyFont="1" applyFill="1" applyBorder="1" applyAlignment="1">
      <alignment vertical="center"/>
    </xf>
    <xf numFmtId="0" fontId="4" fillId="0" borderId="0" xfId="0" applyFont="1" applyFill="1">
      <alignment vertical="center"/>
    </xf>
    <xf numFmtId="0" fontId="9" fillId="0" borderId="0" xfId="0" applyFont="1" applyFill="1" applyAlignment="1"/>
    <xf numFmtId="0" fontId="9" fillId="0" borderId="0" xfId="0" applyFont="1" applyFill="1" applyAlignment="1">
      <alignment horizontal="center" vertical="center"/>
    </xf>
    <xf numFmtId="0" fontId="9" fillId="0" borderId="0" xfId="0" applyFont="1" applyFill="1" applyAlignment="1">
      <alignment horizontal="center" vertical="center"/>
    </xf>
    <xf numFmtId="0" fontId="9" fillId="0" borderId="0" xfId="1" applyFont="1" applyFill="1" applyAlignment="1">
      <alignment vertical="center"/>
    </xf>
    <xf numFmtId="0" fontId="9" fillId="0" borderId="0" xfId="1" applyFont="1" applyFill="1"/>
    <xf numFmtId="0" fontId="9" fillId="0" borderId="0" xfId="0" applyFont="1" applyFill="1" applyAlignment="1">
      <alignment horizontal="right" vertical="center"/>
    </xf>
    <xf numFmtId="0" fontId="12" fillId="0" borderId="0" xfId="1" applyFont="1" applyFill="1"/>
    <xf numFmtId="0" fontId="10" fillId="0" borderId="0" xfId="1" applyFont="1" applyFill="1"/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01"/>
  <sheetViews>
    <sheetView tabSelected="1" view="pageBreakPreview" zoomScaleNormal="100" zoomScaleSheetLayoutView="100" workbookViewId="0">
      <selection activeCell="B2" sqref="B2"/>
    </sheetView>
  </sheetViews>
  <sheetFormatPr defaultRowHeight="13" x14ac:dyDescent="0.2"/>
  <cols>
    <col min="1" max="1" width="9" style="2"/>
    <col min="2" max="3" width="9" style="2" customWidth="1"/>
    <col min="4" max="9" width="9" style="2"/>
    <col min="10" max="10" width="9" style="2" customWidth="1"/>
    <col min="11" max="257" width="9" style="2"/>
    <col min="258" max="259" width="9" style="2" customWidth="1"/>
    <col min="260" max="265" width="9" style="2"/>
    <col min="266" max="266" width="9" style="2" customWidth="1"/>
    <col min="267" max="513" width="9" style="2"/>
    <col min="514" max="515" width="9" style="2" customWidth="1"/>
    <col min="516" max="521" width="9" style="2"/>
    <col min="522" max="522" width="9" style="2" customWidth="1"/>
    <col min="523" max="769" width="9" style="2"/>
    <col min="770" max="771" width="9" style="2" customWidth="1"/>
    <col min="772" max="777" width="9" style="2"/>
    <col min="778" max="778" width="9" style="2" customWidth="1"/>
    <col min="779" max="1025" width="9" style="2"/>
    <col min="1026" max="1027" width="9" style="2" customWidth="1"/>
    <col min="1028" max="1033" width="9" style="2"/>
    <col min="1034" max="1034" width="9" style="2" customWidth="1"/>
    <col min="1035" max="1281" width="9" style="2"/>
    <col min="1282" max="1283" width="9" style="2" customWidth="1"/>
    <col min="1284" max="1289" width="9" style="2"/>
    <col min="1290" max="1290" width="9" style="2" customWidth="1"/>
    <col min="1291" max="1537" width="9" style="2"/>
    <col min="1538" max="1539" width="9" style="2" customWidth="1"/>
    <col min="1540" max="1545" width="9" style="2"/>
    <col min="1546" max="1546" width="9" style="2" customWidth="1"/>
    <col min="1547" max="1793" width="9" style="2"/>
    <col min="1794" max="1795" width="9" style="2" customWidth="1"/>
    <col min="1796" max="1801" width="9" style="2"/>
    <col min="1802" max="1802" width="9" style="2" customWidth="1"/>
    <col min="1803" max="2049" width="9" style="2"/>
    <col min="2050" max="2051" width="9" style="2" customWidth="1"/>
    <col min="2052" max="2057" width="9" style="2"/>
    <col min="2058" max="2058" width="9" style="2" customWidth="1"/>
    <col min="2059" max="2305" width="9" style="2"/>
    <col min="2306" max="2307" width="9" style="2" customWidth="1"/>
    <col min="2308" max="2313" width="9" style="2"/>
    <col min="2314" max="2314" width="9" style="2" customWidth="1"/>
    <col min="2315" max="2561" width="9" style="2"/>
    <col min="2562" max="2563" width="9" style="2" customWidth="1"/>
    <col min="2564" max="2569" width="9" style="2"/>
    <col min="2570" max="2570" width="9" style="2" customWidth="1"/>
    <col min="2571" max="2817" width="9" style="2"/>
    <col min="2818" max="2819" width="9" style="2" customWidth="1"/>
    <col min="2820" max="2825" width="9" style="2"/>
    <col min="2826" max="2826" width="9" style="2" customWidth="1"/>
    <col min="2827" max="3073" width="9" style="2"/>
    <col min="3074" max="3075" width="9" style="2" customWidth="1"/>
    <col min="3076" max="3081" width="9" style="2"/>
    <col min="3082" max="3082" width="9" style="2" customWidth="1"/>
    <col min="3083" max="3329" width="9" style="2"/>
    <col min="3330" max="3331" width="9" style="2" customWidth="1"/>
    <col min="3332" max="3337" width="9" style="2"/>
    <col min="3338" max="3338" width="9" style="2" customWidth="1"/>
    <col min="3339" max="3585" width="9" style="2"/>
    <col min="3586" max="3587" width="9" style="2" customWidth="1"/>
    <col min="3588" max="3593" width="9" style="2"/>
    <col min="3594" max="3594" width="9" style="2" customWidth="1"/>
    <col min="3595" max="3841" width="9" style="2"/>
    <col min="3842" max="3843" width="9" style="2" customWidth="1"/>
    <col min="3844" max="3849" width="9" style="2"/>
    <col min="3850" max="3850" width="9" style="2" customWidth="1"/>
    <col min="3851" max="4097" width="9" style="2"/>
    <col min="4098" max="4099" width="9" style="2" customWidth="1"/>
    <col min="4100" max="4105" width="9" style="2"/>
    <col min="4106" max="4106" width="9" style="2" customWidth="1"/>
    <col min="4107" max="4353" width="9" style="2"/>
    <col min="4354" max="4355" width="9" style="2" customWidth="1"/>
    <col min="4356" max="4361" width="9" style="2"/>
    <col min="4362" max="4362" width="9" style="2" customWidth="1"/>
    <col min="4363" max="4609" width="9" style="2"/>
    <col min="4610" max="4611" width="9" style="2" customWidth="1"/>
    <col min="4612" max="4617" width="9" style="2"/>
    <col min="4618" max="4618" width="9" style="2" customWidth="1"/>
    <col min="4619" max="4865" width="9" style="2"/>
    <col min="4866" max="4867" width="9" style="2" customWidth="1"/>
    <col min="4868" max="4873" width="9" style="2"/>
    <col min="4874" max="4874" width="9" style="2" customWidth="1"/>
    <col min="4875" max="5121" width="9" style="2"/>
    <col min="5122" max="5123" width="9" style="2" customWidth="1"/>
    <col min="5124" max="5129" width="9" style="2"/>
    <col min="5130" max="5130" width="9" style="2" customWidth="1"/>
    <col min="5131" max="5377" width="9" style="2"/>
    <col min="5378" max="5379" width="9" style="2" customWidth="1"/>
    <col min="5380" max="5385" width="9" style="2"/>
    <col min="5386" max="5386" width="9" style="2" customWidth="1"/>
    <col min="5387" max="5633" width="9" style="2"/>
    <col min="5634" max="5635" width="9" style="2" customWidth="1"/>
    <col min="5636" max="5641" width="9" style="2"/>
    <col min="5642" max="5642" width="9" style="2" customWidth="1"/>
    <col min="5643" max="5889" width="9" style="2"/>
    <col min="5890" max="5891" width="9" style="2" customWidth="1"/>
    <col min="5892" max="5897" width="9" style="2"/>
    <col min="5898" max="5898" width="9" style="2" customWidth="1"/>
    <col min="5899" max="6145" width="9" style="2"/>
    <col min="6146" max="6147" width="9" style="2" customWidth="1"/>
    <col min="6148" max="6153" width="9" style="2"/>
    <col min="6154" max="6154" width="9" style="2" customWidth="1"/>
    <col min="6155" max="6401" width="9" style="2"/>
    <col min="6402" max="6403" width="9" style="2" customWidth="1"/>
    <col min="6404" max="6409" width="9" style="2"/>
    <col min="6410" max="6410" width="9" style="2" customWidth="1"/>
    <col min="6411" max="6657" width="9" style="2"/>
    <col min="6658" max="6659" width="9" style="2" customWidth="1"/>
    <col min="6660" max="6665" width="9" style="2"/>
    <col min="6666" max="6666" width="9" style="2" customWidth="1"/>
    <col min="6667" max="6913" width="9" style="2"/>
    <col min="6914" max="6915" width="9" style="2" customWidth="1"/>
    <col min="6916" max="6921" width="9" style="2"/>
    <col min="6922" max="6922" width="9" style="2" customWidth="1"/>
    <col min="6923" max="7169" width="9" style="2"/>
    <col min="7170" max="7171" width="9" style="2" customWidth="1"/>
    <col min="7172" max="7177" width="9" style="2"/>
    <col min="7178" max="7178" width="9" style="2" customWidth="1"/>
    <col min="7179" max="7425" width="9" style="2"/>
    <col min="7426" max="7427" width="9" style="2" customWidth="1"/>
    <col min="7428" max="7433" width="9" style="2"/>
    <col min="7434" max="7434" width="9" style="2" customWidth="1"/>
    <col min="7435" max="7681" width="9" style="2"/>
    <col min="7682" max="7683" width="9" style="2" customWidth="1"/>
    <col min="7684" max="7689" width="9" style="2"/>
    <col min="7690" max="7690" width="9" style="2" customWidth="1"/>
    <col min="7691" max="7937" width="9" style="2"/>
    <col min="7938" max="7939" width="9" style="2" customWidth="1"/>
    <col min="7940" max="7945" width="9" style="2"/>
    <col min="7946" max="7946" width="9" style="2" customWidth="1"/>
    <col min="7947" max="8193" width="9" style="2"/>
    <col min="8194" max="8195" width="9" style="2" customWidth="1"/>
    <col min="8196" max="8201" width="9" style="2"/>
    <col min="8202" max="8202" width="9" style="2" customWidth="1"/>
    <col min="8203" max="8449" width="9" style="2"/>
    <col min="8450" max="8451" width="9" style="2" customWidth="1"/>
    <col min="8452" max="8457" width="9" style="2"/>
    <col min="8458" max="8458" width="9" style="2" customWidth="1"/>
    <col min="8459" max="8705" width="9" style="2"/>
    <col min="8706" max="8707" width="9" style="2" customWidth="1"/>
    <col min="8708" max="8713" width="9" style="2"/>
    <col min="8714" max="8714" width="9" style="2" customWidth="1"/>
    <col min="8715" max="8961" width="9" style="2"/>
    <col min="8962" max="8963" width="9" style="2" customWidth="1"/>
    <col min="8964" max="8969" width="9" style="2"/>
    <col min="8970" max="8970" width="9" style="2" customWidth="1"/>
    <col min="8971" max="9217" width="9" style="2"/>
    <col min="9218" max="9219" width="9" style="2" customWidth="1"/>
    <col min="9220" max="9225" width="9" style="2"/>
    <col min="9226" max="9226" width="9" style="2" customWidth="1"/>
    <col min="9227" max="9473" width="9" style="2"/>
    <col min="9474" max="9475" width="9" style="2" customWidth="1"/>
    <col min="9476" max="9481" width="9" style="2"/>
    <col min="9482" max="9482" width="9" style="2" customWidth="1"/>
    <col min="9483" max="9729" width="9" style="2"/>
    <col min="9730" max="9731" width="9" style="2" customWidth="1"/>
    <col min="9732" max="9737" width="9" style="2"/>
    <col min="9738" max="9738" width="9" style="2" customWidth="1"/>
    <col min="9739" max="9985" width="9" style="2"/>
    <col min="9986" max="9987" width="9" style="2" customWidth="1"/>
    <col min="9988" max="9993" width="9" style="2"/>
    <col min="9994" max="9994" width="9" style="2" customWidth="1"/>
    <col min="9995" max="10241" width="9" style="2"/>
    <col min="10242" max="10243" width="9" style="2" customWidth="1"/>
    <col min="10244" max="10249" width="9" style="2"/>
    <col min="10250" max="10250" width="9" style="2" customWidth="1"/>
    <col min="10251" max="10497" width="9" style="2"/>
    <col min="10498" max="10499" width="9" style="2" customWidth="1"/>
    <col min="10500" max="10505" width="9" style="2"/>
    <col min="10506" max="10506" width="9" style="2" customWidth="1"/>
    <col min="10507" max="10753" width="9" style="2"/>
    <col min="10754" max="10755" width="9" style="2" customWidth="1"/>
    <col min="10756" max="10761" width="9" style="2"/>
    <col min="10762" max="10762" width="9" style="2" customWidth="1"/>
    <col min="10763" max="11009" width="9" style="2"/>
    <col min="11010" max="11011" width="9" style="2" customWidth="1"/>
    <col min="11012" max="11017" width="9" style="2"/>
    <col min="11018" max="11018" width="9" style="2" customWidth="1"/>
    <col min="11019" max="11265" width="9" style="2"/>
    <col min="11266" max="11267" width="9" style="2" customWidth="1"/>
    <col min="11268" max="11273" width="9" style="2"/>
    <col min="11274" max="11274" width="9" style="2" customWidth="1"/>
    <col min="11275" max="11521" width="9" style="2"/>
    <col min="11522" max="11523" width="9" style="2" customWidth="1"/>
    <col min="11524" max="11529" width="9" style="2"/>
    <col min="11530" max="11530" width="9" style="2" customWidth="1"/>
    <col min="11531" max="11777" width="9" style="2"/>
    <col min="11778" max="11779" width="9" style="2" customWidth="1"/>
    <col min="11780" max="11785" width="9" style="2"/>
    <col min="11786" max="11786" width="9" style="2" customWidth="1"/>
    <col min="11787" max="12033" width="9" style="2"/>
    <col min="12034" max="12035" width="9" style="2" customWidth="1"/>
    <col min="12036" max="12041" width="9" style="2"/>
    <col min="12042" max="12042" width="9" style="2" customWidth="1"/>
    <col min="12043" max="12289" width="9" style="2"/>
    <col min="12290" max="12291" width="9" style="2" customWidth="1"/>
    <col min="12292" max="12297" width="9" style="2"/>
    <col min="12298" max="12298" width="9" style="2" customWidth="1"/>
    <col min="12299" max="12545" width="9" style="2"/>
    <col min="12546" max="12547" width="9" style="2" customWidth="1"/>
    <col min="12548" max="12553" width="9" style="2"/>
    <col min="12554" max="12554" width="9" style="2" customWidth="1"/>
    <col min="12555" max="12801" width="9" style="2"/>
    <col min="12802" max="12803" width="9" style="2" customWidth="1"/>
    <col min="12804" max="12809" width="9" style="2"/>
    <col min="12810" max="12810" width="9" style="2" customWidth="1"/>
    <col min="12811" max="13057" width="9" style="2"/>
    <col min="13058" max="13059" width="9" style="2" customWidth="1"/>
    <col min="13060" max="13065" width="9" style="2"/>
    <col min="13066" max="13066" width="9" style="2" customWidth="1"/>
    <col min="13067" max="13313" width="9" style="2"/>
    <col min="13314" max="13315" width="9" style="2" customWidth="1"/>
    <col min="13316" max="13321" width="9" style="2"/>
    <col min="13322" max="13322" width="9" style="2" customWidth="1"/>
    <col min="13323" max="13569" width="9" style="2"/>
    <col min="13570" max="13571" width="9" style="2" customWidth="1"/>
    <col min="13572" max="13577" width="9" style="2"/>
    <col min="13578" max="13578" width="9" style="2" customWidth="1"/>
    <col min="13579" max="13825" width="9" style="2"/>
    <col min="13826" max="13827" width="9" style="2" customWidth="1"/>
    <col min="13828" max="13833" width="9" style="2"/>
    <col min="13834" max="13834" width="9" style="2" customWidth="1"/>
    <col min="13835" max="14081" width="9" style="2"/>
    <col min="14082" max="14083" width="9" style="2" customWidth="1"/>
    <col min="14084" max="14089" width="9" style="2"/>
    <col min="14090" max="14090" width="9" style="2" customWidth="1"/>
    <col min="14091" max="14337" width="9" style="2"/>
    <col min="14338" max="14339" width="9" style="2" customWidth="1"/>
    <col min="14340" max="14345" width="9" style="2"/>
    <col min="14346" max="14346" width="9" style="2" customWidth="1"/>
    <col min="14347" max="14593" width="9" style="2"/>
    <col min="14594" max="14595" width="9" style="2" customWidth="1"/>
    <col min="14596" max="14601" width="9" style="2"/>
    <col min="14602" max="14602" width="9" style="2" customWidth="1"/>
    <col min="14603" max="14849" width="9" style="2"/>
    <col min="14850" max="14851" width="9" style="2" customWidth="1"/>
    <col min="14852" max="14857" width="9" style="2"/>
    <col min="14858" max="14858" width="9" style="2" customWidth="1"/>
    <col min="14859" max="15105" width="9" style="2"/>
    <col min="15106" max="15107" width="9" style="2" customWidth="1"/>
    <col min="15108" max="15113" width="9" style="2"/>
    <col min="15114" max="15114" width="9" style="2" customWidth="1"/>
    <col min="15115" max="15361" width="9" style="2"/>
    <col min="15362" max="15363" width="9" style="2" customWidth="1"/>
    <col min="15364" max="15369" width="9" style="2"/>
    <col min="15370" max="15370" width="9" style="2" customWidth="1"/>
    <col min="15371" max="15617" width="9" style="2"/>
    <col min="15618" max="15619" width="9" style="2" customWidth="1"/>
    <col min="15620" max="15625" width="9" style="2"/>
    <col min="15626" max="15626" width="9" style="2" customWidth="1"/>
    <col min="15627" max="15873" width="9" style="2"/>
    <col min="15874" max="15875" width="9" style="2" customWidth="1"/>
    <col min="15876" max="15881" width="9" style="2"/>
    <col min="15882" max="15882" width="9" style="2" customWidth="1"/>
    <col min="15883" max="16129" width="9" style="2"/>
    <col min="16130" max="16131" width="9" style="2" customWidth="1"/>
    <col min="16132" max="16137" width="9" style="2"/>
    <col min="16138" max="16138" width="9" style="2" customWidth="1"/>
    <col min="16139" max="16384" width="9" style="2"/>
  </cols>
  <sheetData>
    <row r="1" spans="1:10" ht="19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8.75" customHeight="1" x14ac:dyDescent="0.2">
      <c r="A2" s="3"/>
      <c r="B2" s="4"/>
      <c r="C2" s="4"/>
      <c r="D2" s="4"/>
      <c r="E2" s="4"/>
      <c r="F2" s="4"/>
      <c r="G2" s="3" t="s">
        <v>27</v>
      </c>
      <c r="H2" s="4"/>
      <c r="I2" s="4"/>
      <c r="J2" s="5"/>
    </row>
    <row r="3" spans="1:10" s="7" customFormat="1" ht="14.25" customHeight="1" x14ac:dyDescent="0.2">
      <c r="A3" s="6"/>
      <c r="J3" s="8" t="s">
        <v>25</v>
      </c>
    </row>
    <row r="4" spans="1:10" s="7" customFormat="1" ht="14.25" customHeight="1" x14ac:dyDescent="0.2">
      <c r="A4" s="7" t="s">
        <v>1</v>
      </c>
      <c r="D4" s="9"/>
      <c r="E4" s="9"/>
      <c r="F4" s="9"/>
      <c r="G4" s="9"/>
      <c r="H4" s="9"/>
      <c r="I4" s="9"/>
    </row>
    <row r="5" spans="1:10" s="7" customFormat="1" ht="14.25" customHeight="1" x14ac:dyDescent="0.2"/>
    <row r="6" spans="1:10" s="7" customFormat="1" ht="14.25" customHeight="1" x14ac:dyDescent="0.2">
      <c r="A6" s="7" t="s">
        <v>2</v>
      </c>
      <c r="D6" s="9" t="s">
        <v>3</v>
      </c>
      <c r="E6" s="9"/>
      <c r="F6" s="9"/>
      <c r="G6" s="9"/>
      <c r="H6" s="9"/>
      <c r="I6" s="9"/>
    </row>
    <row r="7" spans="1:10" s="7" customFormat="1" ht="14.25" customHeight="1" x14ac:dyDescent="0.2">
      <c r="D7" s="10"/>
      <c r="E7" s="10"/>
      <c r="F7" s="10"/>
      <c r="G7" s="10"/>
      <c r="H7" s="10"/>
      <c r="I7" s="10"/>
    </row>
    <row r="8" spans="1:10" s="7" customFormat="1" ht="14.25" customHeight="1" x14ac:dyDescent="0.2">
      <c r="D8" s="9"/>
      <c r="E8" s="9"/>
      <c r="F8" s="9"/>
      <c r="G8" s="9"/>
      <c r="H8" s="9"/>
      <c r="I8" s="9"/>
    </row>
    <row r="9" spans="1:10" s="7" customFormat="1" ht="14.25" customHeight="1" x14ac:dyDescent="0.2"/>
    <row r="10" spans="1:10" s="7" customFormat="1" ht="14.25" customHeight="1" x14ac:dyDescent="0.2">
      <c r="A10" s="7" t="s">
        <v>20</v>
      </c>
      <c r="D10" s="9"/>
      <c r="E10" s="9"/>
      <c r="F10" s="9"/>
      <c r="G10" s="9"/>
      <c r="H10" s="9"/>
      <c r="I10" s="9"/>
    </row>
    <row r="11" spans="1:10" s="7" customFormat="1" ht="14.25" customHeight="1" x14ac:dyDescent="0.2"/>
    <row r="12" spans="1:10" s="7" customFormat="1" ht="14.25" customHeight="1" x14ac:dyDescent="0.2">
      <c r="A12" s="7" t="s">
        <v>21</v>
      </c>
      <c r="D12" s="9" t="s">
        <v>3</v>
      </c>
      <c r="E12" s="9"/>
      <c r="F12" s="9"/>
      <c r="G12" s="9"/>
      <c r="H12" s="9"/>
      <c r="I12" s="9"/>
    </row>
    <row r="13" spans="1:10" s="7" customFormat="1" ht="14.25" customHeight="1" x14ac:dyDescent="0.2">
      <c r="A13" s="7" t="s">
        <v>4</v>
      </c>
      <c r="D13" s="10"/>
      <c r="E13" s="10"/>
      <c r="F13" s="10"/>
      <c r="G13" s="10"/>
      <c r="H13" s="10"/>
      <c r="I13" s="10"/>
    </row>
    <row r="14" spans="1:10" s="7" customFormat="1" ht="14.25" customHeight="1" x14ac:dyDescent="0.2">
      <c r="D14" s="9"/>
      <c r="E14" s="9"/>
      <c r="F14" s="9"/>
      <c r="G14" s="9"/>
      <c r="H14" s="9"/>
      <c r="I14" s="9"/>
    </row>
    <row r="15" spans="1:10" s="7" customFormat="1" ht="14.25" customHeight="1" x14ac:dyDescent="0.2"/>
    <row r="16" spans="1:10" s="7" customFormat="1" ht="14.25" customHeight="1" x14ac:dyDescent="0.2">
      <c r="D16" s="9" t="s">
        <v>5</v>
      </c>
      <c r="E16" s="9"/>
      <c r="F16" s="9"/>
      <c r="G16" s="9"/>
      <c r="H16" s="9"/>
      <c r="I16" s="9"/>
    </row>
    <row r="17" spans="1:11" s="7" customFormat="1" ht="14.25" customHeight="1" x14ac:dyDescent="0.2"/>
    <row r="18" spans="1:11" s="7" customFormat="1" ht="14.25" customHeight="1" x14ac:dyDescent="0.2">
      <c r="D18" s="9" t="s">
        <v>6</v>
      </c>
      <c r="E18" s="9"/>
      <c r="F18" s="9"/>
      <c r="G18" s="9"/>
      <c r="H18" s="9"/>
      <c r="I18" s="9"/>
    </row>
    <row r="19" spans="1:11" s="7" customFormat="1" ht="14.25" customHeight="1" x14ac:dyDescent="0.2"/>
    <row r="20" spans="1:11" s="13" customFormat="1" ht="14.25" customHeight="1" x14ac:dyDescent="0.2">
      <c r="A20" s="11"/>
      <c r="B20" s="11"/>
      <c r="C20" s="11"/>
      <c r="D20" s="12" t="s">
        <v>54</v>
      </c>
      <c r="E20" s="12"/>
      <c r="F20" s="12"/>
      <c r="G20" s="12"/>
      <c r="H20" s="12"/>
      <c r="I20" s="12"/>
      <c r="J20" s="11"/>
      <c r="K20" s="11"/>
    </row>
    <row r="21" spans="1:11" s="15" customFormat="1" ht="14.25" customHeight="1" x14ac:dyDescent="0.2">
      <c r="A21" s="14"/>
      <c r="B21" s="14"/>
      <c r="C21" s="14"/>
      <c r="D21" s="14"/>
      <c r="E21" s="14"/>
      <c r="F21" s="14"/>
      <c r="G21" s="14"/>
      <c r="H21" s="14"/>
      <c r="I21" s="14"/>
      <c r="J21" s="14"/>
      <c r="K21" s="14"/>
    </row>
    <row r="22" spans="1:11" s="15" customFormat="1" ht="14.25" customHeight="1" x14ac:dyDescent="0.2">
      <c r="A22" s="14" t="s">
        <v>55</v>
      </c>
      <c r="B22" s="14"/>
      <c r="C22" s="14"/>
      <c r="D22" s="12"/>
      <c r="E22" s="12"/>
      <c r="F22" s="12"/>
      <c r="G22" s="12"/>
      <c r="H22" s="12"/>
      <c r="I22" s="12"/>
      <c r="J22" s="14"/>
      <c r="K22" s="14"/>
    </row>
    <row r="23" spans="1:11" s="7" customFormat="1" ht="14.25" customHeight="1" x14ac:dyDescent="0.2"/>
    <row r="24" spans="1:11" s="7" customFormat="1" ht="14.25" customHeight="1" x14ac:dyDescent="0.2">
      <c r="A24" s="7" t="s">
        <v>56</v>
      </c>
      <c r="D24" s="9"/>
      <c r="E24" s="9"/>
      <c r="F24" s="9"/>
      <c r="G24" s="9"/>
      <c r="H24" s="9"/>
      <c r="I24" s="9"/>
    </row>
    <row r="25" spans="1:11" s="7" customFormat="1" ht="14.25" customHeight="1" x14ac:dyDescent="0.2">
      <c r="D25" s="10"/>
      <c r="E25" s="10"/>
      <c r="F25" s="10"/>
      <c r="G25" s="10"/>
      <c r="H25" s="10"/>
      <c r="I25" s="10"/>
    </row>
    <row r="26" spans="1:11" s="7" customFormat="1" ht="14.25" customHeight="1" x14ac:dyDescent="0.2">
      <c r="A26" s="7" t="s">
        <v>57</v>
      </c>
      <c r="D26" s="9"/>
      <c r="E26" s="9"/>
      <c r="F26" s="9"/>
      <c r="G26" s="9"/>
      <c r="H26" s="9"/>
      <c r="I26" s="9"/>
    </row>
    <row r="27" spans="1:11" s="7" customFormat="1" ht="14.25" customHeight="1" x14ac:dyDescent="0.2">
      <c r="A27" s="7" t="s">
        <v>22</v>
      </c>
    </row>
    <row r="28" spans="1:11" s="7" customFormat="1" ht="14.25" customHeight="1" x14ac:dyDescent="0.2"/>
    <row r="29" spans="1:11" s="7" customFormat="1" ht="14.25" customHeight="1" x14ac:dyDescent="0.2">
      <c r="A29" s="7" t="s">
        <v>58</v>
      </c>
      <c r="D29" s="9"/>
      <c r="E29" s="10" t="s">
        <v>7</v>
      </c>
      <c r="G29" s="16"/>
      <c r="H29" s="10"/>
      <c r="I29" s="16"/>
    </row>
    <row r="30" spans="1:11" s="7" customFormat="1" ht="14.25" customHeight="1" x14ac:dyDescent="0.2">
      <c r="D30" s="10"/>
      <c r="F30" s="16"/>
      <c r="G30" s="10"/>
      <c r="H30" s="16"/>
    </row>
    <row r="31" spans="1:11" s="7" customFormat="1" ht="14.25" customHeight="1" x14ac:dyDescent="0.2">
      <c r="D31" s="10" t="s">
        <v>8</v>
      </c>
    </row>
    <row r="32" spans="1:11" s="7" customFormat="1" ht="14.25" customHeight="1" x14ac:dyDescent="0.2">
      <c r="B32" s="10"/>
      <c r="E32" s="10"/>
      <c r="F32" s="10"/>
      <c r="H32" s="10"/>
    </row>
    <row r="33" spans="1:10" s="7" customFormat="1" ht="14.25" customHeight="1" x14ac:dyDescent="0.2">
      <c r="D33" s="17" t="s">
        <v>28</v>
      </c>
      <c r="E33" s="9"/>
      <c r="F33" s="18" t="s">
        <v>9</v>
      </c>
      <c r="G33" s="9" t="s">
        <v>10</v>
      </c>
      <c r="H33" s="19" t="s">
        <v>11</v>
      </c>
      <c r="I33" s="9" t="s">
        <v>10</v>
      </c>
      <c r="J33" s="7" t="s">
        <v>12</v>
      </c>
    </row>
    <row r="34" spans="1:10" s="7" customFormat="1" ht="14.25" customHeight="1" x14ac:dyDescent="0.2">
      <c r="D34" s="17"/>
      <c r="E34" s="10"/>
      <c r="F34" s="19"/>
      <c r="G34" s="10"/>
      <c r="H34" s="19"/>
      <c r="I34" s="10"/>
    </row>
    <row r="35" spans="1:10" s="7" customFormat="1" ht="14.25" customHeight="1" x14ac:dyDescent="0.2">
      <c r="A35" s="7" t="s">
        <v>59</v>
      </c>
      <c r="D35" s="9" t="s">
        <v>13</v>
      </c>
      <c r="E35" s="9"/>
      <c r="F35" s="20"/>
      <c r="G35" s="9"/>
      <c r="H35" s="20"/>
      <c r="I35" s="20"/>
    </row>
    <row r="36" spans="1:10" s="7" customFormat="1" ht="14.25" customHeight="1" x14ac:dyDescent="0.2">
      <c r="D36" s="10"/>
      <c r="E36" s="10"/>
      <c r="F36" s="21"/>
      <c r="G36" s="10"/>
      <c r="H36" s="21"/>
      <c r="I36" s="21"/>
    </row>
    <row r="37" spans="1:10" s="7" customFormat="1" ht="14.25" customHeight="1" x14ac:dyDescent="0.2">
      <c r="D37" s="9" t="s">
        <v>14</v>
      </c>
      <c r="E37" s="9"/>
      <c r="F37" s="20"/>
      <c r="G37" s="9"/>
      <c r="H37" s="20"/>
      <c r="I37" s="20"/>
    </row>
    <row r="38" spans="1:10" s="7" customFormat="1" ht="14.25" customHeight="1" x14ac:dyDescent="0.2">
      <c r="D38" s="10"/>
      <c r="E38" s="10"/>
      <c r="F38" s="21"/>
      <c r="G38" s="10"/>
      <c r="H38" s="21"/>
      <c r="I38" s="21"/>
    </row>
    <row r="39" spans="1:10" s="22" customFormat="1" ht="14" x14ac:dyDescent="0.2">
      <c r="A39" s="7" t="s">
        <v>60</v>
      </c>
      <c r="B39" s="7"/>
      <c r="C39" s="7"/>
      <c r="D39" s="7"/>
      <c r="E39" s="7"/>
      <c r="F39" s="7"/>
      <c r="G39" s="7"/>
      <c r="H39" s="7"/>
      <c r="I39" s="7"/>
      <c r="J39" s="7"/>
    </row>
    <row r="40" spans="1:10" s="22" customFormat="1" ht="14" x14ac:dyDescent="0.2">
      <c r="A40" s="7"/>
      <c r="B40" s="7"/>
      <c r="C40" s="7"/>
      <c r="D40" s="7"/>
      <c r="E40" s="7"/>
      <c r="F40" s="7"/>
      <c r="G40" s="7"/>
      <c r="H40" s="7"/>
      <c r="I40" s="7"/>
      <c r="J40" s="7"/>
    </row>
    <row r="41" spans="1:10" s="11" customFormat="1" ht="14" x14ac:dyDescent="0.2">
      <c r="A41" s="23"/>
      <c r="F41" s="24" t="s">
        <v>23</v>
      </c>
      <c r="G41" s="24"/>
      <c r="H41" s="24"/>
      <c r="I41" s="24"/>
      <c r="J41" s="24"/>
    </row>
    <row r="42" spans="1:10" s="11" customFormat="1" ht="14" x14ac:dyDescent="0.2">
      <c r="A42" s="23"/>
      <c r="F42" s="25"/>
      <c r="G42" s="25"/>
      <c r="H42" s="25"/>
      <c r="I42" s="25"/>
      <c r="J42" s="25"/>
    </row>
    <row r="43" spans="1:10" s="22" customFormat="1" ht="14" x14ac:dyDescent="0.2">
      <c r="A43" s="7" t="s">
        <v>31</v>
      </c>
      <c r="B43" s="7"/>
      <c r="C43" s="7"/>
      <c r="D43" s="7"/>
      <c r="E43" s="7"/>
      <c r="F43" s="7"/>
      <c r="G43" s="7" t="s">
        <v>16</v>
      </c>
      <c r="H43" s="7" t="s">
        <v>15</v>
      </c>
      <c r="I43" s="7"/>
      <c r="J43" s="7"/>
    </row>
    <row r="44" spans="1:10" s="22" customFormat="1" ht="14" x14ac:dyDescent="0.2">
      <c r="A44" s="7"/>
      <c r="B44" s="7"/>
      <c r="C44" s="7"/>
      <c r="D44" s="7"/>
      <c r="E44" s="7"/>
      <c r="F44" s="7"/>
      <c r="G44" s="7"/>
      <c r="H44" s="7"/>
      <c r="I44" s="7"/>
      <c r="J44" s="7"/>
    </row>
    <row r="45" spans="1:10" s="22" customFormat="1" ht="14" x14ac:dyDescent="0.2">
      <c r="A45" s="7" t="s">
        <v>32</v>
      </c>
      <c r="B45" s="7"/>
      <c r="C45" s="7"/>
      <c r="D45" s="7"/>
      <c r="E45" s="7"/>
      <c r="F45" s="7"/>
      <c r="G45" s="7" t="s">
        <v>16</v>
      </c>
      <c r="H45" s="7" t="s">
        <v>15</v>
      </c>
      <c r="I45" s="7"/>
      <c r="J45" s="7"/>
    </row>
    <row r="46" spans="1:10" s="22" customFormat="1" ht="14" x14ac:dyDescent="0.2">
      <c r="A46" s="7"/>
      <c r="B46" s="7"/>
      <c r="C46" s="7"/>
      <c r="D46" s="7"/>
      <c r="E46" s="7"/>
      <c r="F46" s="7"/>
      <c r="G46" s="7"/>
      <c r="H46" s="7"/>
      <c r="I46" s="7"/>
      <c r="J46" s="7"/>
    </row>
    <row r="47" spans="1:10" s="22" customFormat="1" ht="14" x14ac:dyDescent="0.2">
      <c r="A47" s="26" t="s">
        <v>33</v>
      </c>
      <c r="B47" s="26"/>
      <c r="C47" s="26"/>
      <c r="D47" s="26"/>
      <c r="E47" s="26"/>
      <c r="F47" s="7"/>
      <c r="G47" s="7" t="s">
        <v>16</v>
      </c>
      <c r="H47" s="7" t="s">
        <v>15</v>
      </c>
      <c r="I47" s="7"/>
      <c r="J47" s="7"/>
    </row>
    <row r="48" spans="1:10" s="22" customFormat="1" ht="14" x14ac:dyDescent="0.2">
      <c r="A48" s="7"/>
      <c r="B48" s="7"/>
      <c r="C48" s="7"/>
      <c r="D48" s="7"/>
      <c r="E48" s="7"/>
      <c r="F48" s="7"/>
      <c r="G48" s="7"/>
      <c r="H48" s="7"/>
      <c r="I48" s="7"/>
      <c r="J48" s="7"/>
    </row>
    <row r="49" spans="1:10" s="22" customFormat="1" ht="14" x14ac:dyDescent="0.2">
      <c r="A49" s="7" t="s">
        <v>34</v>
      </c>
      <c r="B49" s="7"/>
      <c r="C49" s="7"/>
      <c r="D49" s="7"/>
      <c r="E49" s="7"/>
      <c r="F49" s="7"/>
      <c r="G49" s="10" t="s">
        <v>19</v>
      </c>
      <c r="H49" s="10" t="s">
        <v>18</v>
      </c>
      <c r="I49" s="7"/>
      <c r="J49" s="7"/>
    </row>
    <row r="50" spans="1:10" s="22" customFormat="1" ht="14" x14ac:dyDescent="0.2">
      <c r="A50" s="7"/>
      <c r="B50" s="7"/>
      <c r="C50" s="7"/>
      <c r="D50" s="7"/>
      <c r="E50" s="7"/>
      <c r="F50" s="7"/>
      <c r="G50" s="19"/>
      <c r="H50" s="7"/>
      <c r="I50" s="7"/>
      <c r="J50" s="7"/>
    </row>
    <row r="51" spans="1:10" s="22" customFormat="1" ht="14" x14ac:dyDescent="0.2">
      <c r="A51" s="26" t="s">
        <v>35</v>
      </c>
      <c r="B51" s="26"/>
      <c r="C51" s="26"/>
      <c r="D51" s="26"/>
      <c r="E51" s="26"/>
      <c r="F51" s="10"/>
      <c r="G51" s="10" t="s">
        <v>72</v>
      </c>
      <c r="H51" s="10"/>
      <c r="I51" s="10"/>
      <c r="J51" s="10" t="s">
        <v>15</v>
      </c>
    </row>
    <row r="52" spans="1:10" s="22" customFormat="1" ht="14" x14ac:dyDescent="0.2">
      <c r="A52" s="7"/>
      <c r="B52" s="7"/>
      <c r="C52" s="7"/>
      <c r="D52" s="7"/>
      <c r="E52" s="7"/>
      <c r="F52" s="7"/>
      <c r="G52" s="10"/>
      <c r="H52" s="10"/>
      <c r="I52" s="10"/>
      <c r="J52" s="7"/>
    </row>
    <row r="53" spans="1:10" s="7" customFormat="1" ht="14.25" customHeight="1" x14ac:dyDescent="0.2">
      <c r="A53" s="26" t="s">
        <v>73</v>
      </c>
      <c r="B53" s="26"/>
      <c r="C53" s="26"/>
      <c r="D53" s="26"/>
      <c r="E53" s="26"/>
      <c r="F53" s="10"/>
      <c r="G53" s="10" t="s">
        <v>74</v>
      </c>
      <c r="H53" s="10"/>
      <c r="I53" s="10"/>
      <c r="J53" s="10" t="s">
        <v>15</v>
      </c>
    </row>
    <row r="54" spans="1:10" s="22" customFormat="1" ht="14" x14ac:dyDescent="0.2">
      <c r="A54" s="7"/>
      <c r="B54" s="7"/>
      <c r="C54" s="7"/>
      <c r="D54" s="7"/>
      <c r="E54" s="7"/>
      <c r="F54" s="7"/>
      <c r="G54" s="10"/>
      <c r="H54" s="10"/>
      <c r="I54" s="7"/>
      <c r="J54" s="7"/>
    </row>
    <row r="55" spans="1:10" s="22" customFormat="1" ht="14" x14ac:dyDescent="0.2">
      <c r="A55" s="7" t="s">
        <v>71</v>
      </c>
      <c r="B55" s="7"/>
      <c r="C55" s="7"/>
      <c r="D55" s="7"/>
      <c r="E55" s="7"/>
      <c r="F55" s="7"/>
      <c r="G55" s="7" t="s">
        <v>16</v>
      </c>
      <c r="H55" s="10" t="s">
        <v>15</v>
      </c>
      <c r="I55" s="10"/>
      <c r="J55" s="7"/>
    </row>
    <row r="56" spans="1:10" s="22" customFormat="1" ht="14" x14ac:dyDescent="0.2">
      <c r="A56" s="7"/>
      <c r="B56" s="7"/>
      <c r="C56" s="7"/>
      <c r="D56" s="7"/>
      <c r="E56" s="7"/>
      <c r="F56" s="7"/>
      <c r="G56" s="10"/>
      <c r="H56" s="10"/>
      <c r="I56" s="7"/>
      <c r="J56" s="7"/>
    </row>
    <row r="57" spans="1:10" s="22" customFormat="1" ht="14" x14ac:dyDescent="0.2">
      <c r="A57" s="27" t="s">
        <v>61</v>
      </c>
      <c r="B57" s="7"/>
      <c r="C57" s="7"/>
      <c r="D57" s="7"/>
      <c r="E57" s="7"/>
      <c r="F57" s="7"/>
      <c r="G57" s="7"/>
      <c r="H57" s="7"/>
      <c r="I57" s="7"/>
      <c r="J57" s="7"/>
    </row>
    <row r="58" spans="1:10" s="22" customFormat="1" ht="14" x14ac:dyDescent="0.2">
      <c r="A58" s="27"/>
      <c r="B58" s="7"/>
      <c r="C58" s="7"/>
      <c r="D58" s="7"/>
      <c r="E58" s="7"/>
      <c r="F58" s="7"/>
      <c r="G58" s="7"/>
      <c r="H58" s="7"/>
      <c r="I58" s="7"/>
      <c r="J58" s="7"/>
    </row>
    <row r="59" spans="1:10" s="22" customFormat="1" ht="14" x14ac:dyDescent="0.2">
      <c r="A59" s="7" t="s">
        <v>29</v>
      </c>
      <c r="B59" s="7"/>
      <c r="C59" s="7"/>
      <c r="D59" s="7"/>
      <c r="E59" s="7"/>
      <c r="F59" s="7"/>
      <c r="G59" s="10" t="s">
        <v>16</v>
      </c>
      <c r="H59" s="10" t="s">
        <v>15</v>
      </c>
      <c r="I59" s="7"/>
      <c r="J59" s="10"/>
    </row>
    <row r="60" spans="1:10" s="22" customFormat="1" ht="14" x14ac:dyDescent="0.2">
      <c r="A60" s="7" t="s">
        <v>30</v>
      </c>
      <c r="B60" s="7"/>
      <c r="C60" s="7"/>
      <c r="D60" s="7"/>
      <c r="E60" s="7"/>
      <c r="F60" s="7"/>
      <c r="G60" s="7"/>
      <c r="H60" s="7"/>
      <c r="I60" s="7"/>
      <c r="J60" s="10"/>
    </row>
    <row r="61" spans="1:10" s="22" customFormat="1" ht="14" x14ac:dyDescent="0.2">
      <c r="A61" s="7"/>
      <c r="B61" s="7"/>
      <c r="C61" s="7"/>
      <c r="D61" s="7"/>
      <c r="E61" s="7"/>
      <c r="F61" s="7"/>
      <c r="G61" s="7"/>
      <c r="H61" s="7"/>
      <c r="I61" s="7"/>
      <c r="J61" s="10"/>
    </row>
    <row r="62" spans="1:10" s="22" customFormat="1" ht="14" x14ac:dyDescent="0.2">
      <c r="A62" s="7" t="s">
        <v>26</v>
      </c>
      <c r="B62" s="7"/>
      <c r="C62" s="7"/>
      <c r="D62" s="7"/>
      <c r="E62" s="7"/>
      <c r="F62" s="7"/>
      <c r="G62" s="7" t="s">
        <v>16</v>
      </c>
      <c r="H62" s="7" t="s">
        <v>15</v>
      </c>
      <c r="I62" s="7"/>
      <c r="J62" s="10"/>
    </row>
    <row r="63" spans="1:10" s="22" customFormat="1" ht="14" x14ac:dyDescent="0.2">
      <c r="A63" s="7" t="s">
        <v>17</v>
      </c>
      <c r="B63" s="7"/>
      <c r="C63" s="7"/>
      <c r="D63" s="7"/>
      <c r="E63" s="7"/>
      <c r="F63" s="7"/>
      <c r="G63" s="7"/>
      <c r="H63" s="7"/>
      <c r="I63" s="7"/>
      <c r="J63" s="10"/>
    </row>
    <row r="64" spans="1:10" s="22" customFormat="1" ht="14" x14ac:dyDescent="0.2">
      <c r="A64" s="7"/>
      <c r="B64" s="7"/>
      <c r="C64" s="7"/>
      <c r="D64" s="7"/>
      <c r="E64" s="7"/>
      <c r="F64" s="7"/>
      <c r="G64" s="7"/>
      <c r="H64" s="7"/>
      <c r="I64" s="7"/>
      <c r="J64" s="10"/>
    </row>
    <row r="65" spans="1:10" s="7" customFormat="1" ht="14.25" customHeight="1" x14ac:dyDescent="0.2">
      <c r="A65" s="7" t="s">
        <v>70</v>
      </c>
      <c r="G65" s="10" t="s">
        <v>16</v>
      </c>
      <c r="H65" s="10" t="s">
        <v>15</v>
      </c>
    </row>
    <row r="66" spans="1:10" s="22" customFormat="1" ht="14" x14ac:dyDescent="0.2">
      <c r="A66" s="7"/>
      <c r="B66" s="7"/>
      <c r="C66" s="7"/>
      <c r="D66" s="7"/>
      <c r="E66" s="7"/>
      <c r="F66" s="7"/>
      <c r="G66" s="19"/>
      <c r="H66" s="7"/>
      <c r="I66" s="7"/>
      <c r="J66" s="7"/>
    </row>
    <row r="67" spans="1:10" s="11" customFormat="1" ht="14" x14ac:dyDescent="0.2">
      <c r="A67" s="11" t="s">
        <v>68</v>
      </c>
      <c r="G67" s="14" t="s">
        <v>62</v>
      </c>
      <c r="H67" s="14"/>
      <c r="I67" s="11" t="s">
        <v>63</v>
      </c>
    </row>
    <row r="68" spans="1:10" s="11" customFormat="1" ht="14" x14ac:dyDescent="0.2">
      <c r="A68" s="11" t="s">
        <v>64</v>
      </c>
      <c r="G68" s="14"/>
      <c r="H68" s="14"/>
    </row>
    <row r="69" spans="1:10" s="11" customFormat="1" ht="14" x14ac:dyDescent="0.2">
      <c r="G69" s="14"/>
      <c r="H69" s="14"/>
    </row>
    <row r="70" spans="1:10" s="11" customFormat="1" ht="14" x14ac:dyDescent="0.2">
      <c r="A70" s="11" t="s">
        <v>69</v>
      </c>
      <c r="G70" s="14" t="s">
        <v>65</v>
      </c>
      <c r="H70" s="14" t="s">
        <v>66</v>
      </c>
    </row>
    <row r="71" spans="1:10" s="11" customFormat="1" ht="14" x14ac:dyDescent="0.2">
      <c r="A71" s="11" t="s">
        <v>67</v>
      </c>
      <c r="G71" s="14"/>
      <c r="H71" s="14"/>
    </row>
    <row r="72" spans="1:10" s="11" customFormat="1" ht="14" x14ac:dyDescent="0.2">
      <c r="G72" s="14"/>
      <c r="H72" s="14"/>
    </row>
    <row r="73" spans="1:10" s="11" customFormat="1" ht="14" x14ac:dyDescent="0.2"/>
    <row r="74" spans="1:10" s="7" customFormat="1" ht="14.25" customHeight="1" x14ac:dyDescent="0.2">
      <c r="A74" s="7" t="s">
        <v>36</v>
      </c>
    </row>
    <row r="75" spans="1:10" s="7" customFormat="1" ht="14.25" customHeight="1" x14ac:dyDescent="0.2"/>
    <row r="76" spans="1:10" s="11" customFormat="1" ht="14.25" customHeight="1" x14ac:dyDescent="0.2">
      <c r="A76" s="28" t="s">
        <v>38</v>
      </c>
      <c r="B76" s="11" t="s">
        <v>39</v>
      </c>
    </row>
    <row r="77" spans="1:10" s="11" customFormat="1" ht="14.25" customHeight="1" x14ac:dyDescent="0.2">
      <c r="A77" s="28"/>
      <c r="B77" s="11" t="s">
        <v>52</v>
      </c>
    </row>
    <row r="78" spans="1:10" s="11" customFormat="1" ht="14.25" customHeight="1" x14ac:dyDescent="0.2">
      <c r="A78" s="28" t="s">
        <v>37</v>
      </c>
      <c r="B78" s="11" t="s">
        <v>39</v>
      </c>
    </row>
    <row r="79" spans="1:10" s="11" customFormat="1" ht="14.25" customHeight="1" x14ac:dyDescent="0.2">
      <c r="A79" s="28"/>
      <c r="B79" s="11" t="s">
        <v>53</v>
      </c>
    </row>
    <row r="80" spans="1:10" s="7" customFormat="1" ht="14.25" customHeight="1" x14ac:dyDescent="0.2">
      <c r="A80" s="28" t="s">
        <v>40</v>
      </c>
      <c r="B80" s="7" t="s">
        <v>43</v>
      </c>
    </row>
    <row r="81" spans="1:10" s="7" customFormat="1" ht="14.25" customHeight="1" x14ac:dyDescent="0.2">
      <c r="A81" s="28" t="s">
        <v>40</v>
      </c>
      <c r="B81" s="7" t="s">
        <v>41</v>
      </c>
    </row>
    <row r="82" spans="1:10" s="7" customFormat="1" ht="14.25" customHeight="1" x14ac:dyDescent="0.2">
      <c r="A82" s="28" t="s">
        <v>37</v>
      </c>
      <c r="B82" s="7" t="s">
        <v>42</v>
      </c>
    </row>
    <row r="83" spans="1:10" s="7" customFormat="1" ht="14.25" customHeight="1" x14ac:dyDescent="0.2">
      <c r="A83" s="28" t="s">
        <v>37</v>
      </c>
      <c r="B83" s="7" t="s">
        <v>44</v>
      </c>
    </row>
    <row r="84" spans="1:10" s="7" customFormat="1" ht="14.25" customHeight="1" x14ac:dyDescent="0.2">
      <c r="A84" s="28" t="s">
        <v>45</v>
      </c>
      <c r="B84" s="7" t="s">
        <v>46</v>
      </c>
    </row>
    <row r="85" spans="1:10" s="7" customFormat="1" ht="14.25" customHeight="1" x14ac:dyDescent="0.2">
      <c r="A85" s="28" t="s">
        <v>37</v>
      </c>
      <c r="B85" s="7" t="s">
        <v>47</v>
      </c>
    </row>
    <row r="86" spans="1:10" s="7" customFormat="1" ht="14.25" customHeight="1" x14ac:dyDescent="0.2">
      <c r="A86" s="28" t="s">
        <v>37</v>
      </c>
      <c r="B86" s="7" t="s">
        <v>48</v>
      </c>
    </row>
    <row r="87" spans="1:10" s="7" customFormat="1" ht="14.25" customHeight="1" x14ac:dyDescent="0.2">
      <c r="A87" s="28" t="s">
        <v>49</v>
      </c>
      <c r="B87" s="7" t="s">
        <v>50</v>
      </c>
    </row>
    <row r="88" spans="1:10" s="7" customFormat="1" ht="14.25" customHeight="1" x14ac:dyDescent="0.2">
      <c r="A88" s="28" t="s">
        <v>37</v>
      </c>
      <c r="B88" s="7" t="s">
        <v>51</v>
      </c>
    </row>
    <row r="89" spans="1:10" s="7" customFormat="1" ht="14.25" customHeight="1" x14ac:dyDescent="0.2">
      <c r="A89" s="28"/>
    </row>
    <row r="90" spans="1:10" s="11" customFormat="1" ht="14" x14ac:dyDescent="0.2">
      <c r="A90" s="11" t="s">
        <v>24</v>
      </c>
    </row>
    <row r="91" spans="1:10" s="7" customFormat="1" ht="14.25" customHeight="1" x14ac:dyDescent="0.2">
      <c r="G91" s="19"/>
    </row>
    <row r="92" spans="1:10" ht="14.25" customHeight="1" x14ac:dyDescent="0.2">
      <c r="A92" s="27"/>
      <c r="E92" s="27"/>
      <c r="F92" s="27"/>
      <c r="G92" s="27"/>
      <c r="H92" s="27"/>
      <c r="I92" s="27"/>
      <c r="J92" s="27"/>
    </row>
    <row r="93" spans="1:10" ht="14.25" customHeight="1" x14ac:dyDescent="0.2">
      <c r="A93" s="27"/>
      <c r="B93" s="27"/>
      <c r="C93" s="27"/>
      <c r="D93" s="27"/>
      <c r="E93" s="27"/>
      <c r="F93" s="27"/>
      <c r="G93" s="27"/>
      <c r="H93" s="27"/>
      <c r="I93" s="27"/>
      <c r="J93" s="27"/>
    </row>
    <row r="94" spans="1:10" ht="14.25" customHeight="1" x14ac:dyDescent="0.2">
      <c r="A94" s="27"/>
      <c r="B94" s="27"/>
      <c r="C94" s="27"/>
      <c r="D94" s="27"/>
      <c r="E94" s="27"/>
      <c r="F94" s="27"/>
      <c r="G94" s="27"/>
      <c r="H94" s="27"/>
      <c r="I94" s="27"/>
      <c r="J94" s="27"/>
    </row>
    <row r="95" spans="1:10" ht="14.25" customHeight="1" x14ac:dyDescent="0.2">
      <c r="A95" s="27"/>
      <c r="B95" s="27"/>
      <c r="D95" s="27"/>
      <c r="E95" s="27"/>
      <c r="F95" s="27"/>
      <c r="G95" s="27"/>
      <c r="H95" s="27"/>
      <c r="I95" s="27"/>
      <c r="J95" s="27"/>
    </row>
    <row r="96" spans="1:10" ht="14.25" customHeight="1" x14ac:dyDescent="0.2">
      <c r="A96" s="27"/>
      <c r="B96" s="27"/>
      <c r="D96" s="27"/>
      <c r="E96" s="27"/>
      <c r="F96" s="27"/>
      <c r="G96" s="27"/>
      <c r="H96" s="27"/>
      <c r="I96" s="27"/>
      <c r="J96" s="27"/>
    </row>
    <row r="97" spans="1:10" ht="14.25" customHeight="1" x14ac:dyDescent="0.2">
      <c r="A97" s="27"/>
      <c r="B97" s="27"/>
      <c r="D97" s="27"/>
      <c r="E97" s="27"/>
      <c r="F97" s="27"/>
      <c r="G97" s="27"/>
      <c r="H97" s="27"/>
      <c r="I97" s="27"/>
      <c r="J97" s="27"/>
    </row>
    <row r="98" spans="1:10" ht="14.25" customHeight="1" x14ac:dyDescent="0.2">
      <c r="A98" s="27"/>
      <c r="B98" s="27"/>
      <c r="C98" s="27"/>
      <c r="D98" s="27"/>
      <c r="E98" s="27"/>
      <c r="F98" s="27"/>
      <c r="G98" s="27"/>
      <c r="H98" s="27"/>
      <c r="I98" s="27"/>
      <c r="J98" s="29"/>
    </row>
    <row r="99" spans="1:10" ht="14.25" customHeight="1" x14ac:dyDescent="0.2">
      <c r="A99" s="27"/>
      <c r="B99" s="27"/>
      <c r="C99" s="27"/>
      <c r="D99" s="27"/>
      <c r="E99" s="27"/>
      <c r="F99" s="27"/>
      <c r="G99" s="27"/>
      <c r="H99" s="27"/>
      <c r="I99" s="27"/>
      <c r="J99" s="27"/>
    </row>
    <row r="100" spans="1:10" ht="14.25" customHeight="1" x14ac:dyDescent="0.2">
      <c r="B100" s="27"/>
      <c r="C100" s="30"/>
      <c r="D100" s="30"/>
    </row>
    <row r="101" spans="1:10" ht="14" x14ac:dyDescent="0.2">
      <c r="A101" s="27"/>
      <c r="B101" s="27"/>
      <c r="C101" s="27"/>
      <c r="D101" s="27"/>
      <c r="E101" s="27"/>
      <c r="F101" s="27"/>
      <c r="G101" s="27"/>
      <c r="H101" s="27"/>
      <c r="I101" s="27"/>
      <c r="J101" s="27"/>
    </row>
  </sheetData>
  <mergeCells count="5">
    <mergeCell ref="A53:E53"/>
    <mergeCell ref="F41:J41"/>
    <mergeCell ref="A51:E51"/>
    <mergeCell ref="A1:J1"/>
    <mergeCell ref="A47:E47"/>
  </mergeCells>
  <phoneticPr fontId="2"/>
  <pageMargins left="0.78740157480314965" right="0.39370078740157483" top="0.59055118110236227" bottom="0.59055118110236227" header="0.70866141732283472" footer="0.11811023622047245"/>
  <pageSetup paperSize="9" scale="94" orientation="portrait" r:id="rId1"/>
  <headerFooter alignWithMargins="0">
    <oddFooter>&amp;C&amp;P</oddFooter>
  </headerFooter>
  <rowBreaks count="1" manualBreakCount="1">
    <brk id="60" max="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居宅訪問型児発</vt:lpstr>
      <vt:lpstr>居宅訪問型児発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常山 伸子</dc:creator>
  <cp:lastModifiedBy>user</cp:lastModifiedBy>
  <cp:lastPrinted>2021-09-10T10:39:37Z</cp:lastPrinted>
  <dcterms:created xsi:type="dcterms:W3CDTF">2019-05-26T23:55:37Z</dcterms:created>
  <dcterms:modified xsi:type="dcterms:W3CDTF">2023-08-03T08:22:31Z</dcterms:modified>
</cp:coreProperties>
</file>